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8" d="100"/>
          <a:sy n="108" d="100"/>
        </p:scale>
        <p:origin x="73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5-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5-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on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B652C70-76A4-15C6-B3AF-8AF695FE1FF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7708" y="5156495"/>
            <a:ext cx="1750686" cy="151259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127A2191-C823-B456-E9EA-4A171C7551F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48854" y="4421080"/>
            <a:ext cx="1081149" cy="93411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07-15T14:57:07Z</dcterms:modified>
</cp:coreProperties>
</file>